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86B8E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570501" w:rsidP="00570501"/>
    <w:p w:rsidR="00570501" w:rsidRDefault="00570501" w:rsidP="00570501">
      <w:r>
        <w:t>3.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pPr>
        <w:rPr>
          <w:rFonts w:hint="eastAsia"/>
        </w:rPr>
      </w:pPr>
      <w:r>
        <w:rPr>
          <w:rFonts w:hint="eastAsia"/>
        </w:rPr>
        <w:t>*</w:t>
      </w:r>
      <w:r w:rsidR="008059A4">
        <w:rPr>
          <w:rFonts w:hint="eastAsia"/>
        </w:rPr>
        <w:t>Pul</w:t>
      </w:r>
      <w:r w:rsidR="008059A4">
        <w:t xml:space="preserve">l </w:t>
      </w:r>
      <w:r w:rsidR="008059A4">
        <w:rPr>
          <w:rFonts w:hint="eastAsia"/>
        </w:rPr>
        <w:t>两个</w:t>
      </w:r>
      <w:r w:rsidR="008059A4">
        <w:t>都可以；</w:t>
      </w:r>
      <w:r w:rsidR="008059A4">
        <w:t>Push</w:t>
      </w:r>
      <w:r w:rsidR="008059A4">
        <w:rPr>
          <w:rFonts w:hint="eastAsia"/>
        </w:rPr>
        <w:t>请</w:t>
      </w:r>
      <w:r w:rsidR="008059A4">
        <w:t>使用</w:t>
      </w:r>
      <w:r w:rsidR="008059A4">
        <w:t>SSH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pPr>
        <w:rPr>
          <w:rStyle w:val="Hyperlink"/>
        </w:rPr>
      </w:pPr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1A42FB" w:rsidRDefault="001A42FB" w:rsidP="00570501">
      <w:pPr>
        <w:rPr>
          <w:rStyle w:val="Hyperlink"/>
        </w:rPr>
      </w:pPr>
    </w:p>
    <w:p w:rsidR="001A42FB" w:rsidRPr="001A42FB" w:rsidRDefault="001A42FB" w:rsidP="00570501">
      <w:r w:rsidRPr="001A42FB">
        <w:rPr>
          <w:rFonts w:hint="eastAsia"/>
        </w:rPr>
        <w:t>为</w:t>
      </w:r>
      <w:r w:rsidRPr="001A42FB">
        <w:t xml:space="preserve">SSH </w:t>
      </w:r>
      <w:r w:rsidRPr="001A42FB">
        <w:rPr>
          <w:rFonts w:hint="eastAsia"/>
        </w:rPr>
        <w:t>设置</w:t>
      </w:r>
      <w:r w:rsidRPr="001A42FB">
        <w:t>代理：</w:t>
      </w:r>
    </w:p>
    <w:p w:rsidR="001A42FB" w:rsidRDefault="001A42FB" w:rsidP="00570501">
      <w:r w:rsidRPr="001A42FB">
        <w:rPr>
          <w:rFonts w:hint="eastAsia"/>
        </w:rPr>
        <w:t>在</w:t>
      </w:r>
      <w:r w:rsidRPr="001A42FB">
        <w:rPr>
          <w:rFonts w:hint="eastAsia"/>
        </w:rPr>
        <w:t>user/</w:t>
      </w:r>
      <w:r w:rsidR="00F50CCE">
        <w:t xml:space="preserve">.ssh </w:t>
      </w:r>
      <w:r w:rsidR="00F50CCE">
        <w:rPr>
          <w:rFonts w:hint="eastAsia"/>
        </w:rPr>
        <w:t>下创建</w:t>
      </w:r>
      <w:r w:rsidR="00F50CCE">
        <w:rPr>
          <w:rFonts w:hint="eastAsia"/>
        </w:rPr>
        <w:t xml:space="preserve"> </w:t>
      </w:r>
      <w:r w:rsidR="00F50CCE">
        <w:t xml:space="preserve">config </w:t>
      </w:r>
      <w:r w:rsidR="00F50CCE">
        <w:rPr>
          <w:rFonts w:hint="eastAsia"/>
        </w:rPr>
        <w:t>文件</w:t>
      </w:r>
      <w:r w:rsidR="00F50CCE">
        <w:t>并添加如下</w:t>
      </w:r>
      <w:r w:rsidR="00821145">
        <w:rPr>
          <w:rFonts w:hint="eastAsia"/>
        </w:rPr>
        <w:t>，</w:t>
      </w:r>
      <w:r w:rsidR="00821145">
        <w:t>注意</w:t>
      </w:r>
      <w:r w:rsidR="00821145">
        <w:t>IdentityFile</w:t>
      </w:r>
      <w:r w:rsidR="00821145">
        <w:rPr>
          <w:rFonts w:hint="eastAsia"/>
        </w:rPr>
        <w:t>替换</w:t>
      </w:r>
      <w:r w:rsidR="00821145">
        <w:t>为你所使用的私钥名</w:t>
      </w:r>
      <w:bookmarkStart w:id="0" w:name="_GoBack"/>
      <w:bookmarkEnd w:id="0"/>
      <w:r w:rsidR="00F50CCE">
        <w:t>：</w:t>
      </w:r>
    </w:p>
    <w:p w:rsidR="00F50CCE" w:rsidRDefault="00F50CCE" w:rsidP="00F50CCE">
      <w:r>
        <w:lastRenderedPageBreak/>
        <w:t>ProxyCommand connect.exe -H proxy.sin.sap.corp:8080 %h %p</w:t>
      </w:r>
    </w:p>
    <w:p w:rsidR="00F50CCE" w:rsidRDefault="00F50CCE" w:rsidP="00F50CCE"/>
    <w:p w:rsidR="00F50CCE" w:rsidRDefault="00F50CCE" w:rsidP="00F50CCE">
      <w:r>
        <w:t>host github.com</w:t>
      </w:r>
    </w:p>
    <w:p w:rsidR="00F50CCE" w:rsidRDefault="00F50CCE" w:rsidP="00F50CCE">
      <w:r>
        <w:t xml:space="preserve">    HostName ssh.github.com</w:t>
      </w:r>
    </w:p>
    <w:p w:rsidR="00F50CCE" w:rsidRDefault="00F50CCE" w:rsidP="00F50CCE">
      <w:r>
        <w:tab/>
        <w:t>User git</w:t>
      </w:r>
    </w:p>
    <w:p w:rsidR="00F50CCE" w:rsidRDefault="00F50CCE" w:rsidP="00F50CCE">
      <w:r>
        <w:tab/>
        <w:t>Port 443</w:t>
      </w:r>
    </w:p>
    <w:p w:rsidR="00F50CCE" w:rsidRDefault="00F50CCE" w:rsidP="00F50CCE">
      <w:r>
        <w:t xml:space="preserve">    IdentityFile ~/.ssh/</w:t>
      </w:r>
      <w:r w:rsidR="000147F1">
        <w:t>******</w:t>
      </w:r>
    </w:p>
    <w:p w:rsidR="00F50CCE" w:rsidRDefault="00F50CCE" w:rsidP="00F50CCE">
      <w:pPr>
        <w:rPr>
          <w:rFonts w:hint="eastAsia"/>
        </w:rPr>
      </w:pPr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lastRenderedPageBreak/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proxies&gt;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mirror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lastRenderedPageBreak/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Default="00570501" w:rsidP="00570501">
      <w:r>
        <w:t>ssh-keygen -t rsa -C “XXX@gmail.com”</w:t>
      </w:r>
    </w:p>
    <w:p w:rsidR="00570501" w:rsidRDefault="00570501" w:rsidP="00570501"/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Default="00570501" w:rsidP="00570501">
      <w:r>
        <w:t>$ git config --global user.email "XXX@gmail.com"</w:t>
      </w:r>
    </w:p>
    <w:p w:rsidR="00570501" w:rsidRDefault="00570501" w:rsidP="00570501"/>
    <w:p w:rsidR="00570501" w:rsidRDefault="00570501" w:rsidP="00570501">
      <w:r>
        <w:t>7.</w:t>
      </w:r>
    </w:p>
    <w:p w:rsidR="00570501" w:rsidRDefault="00570501" w:rsidP="00570501">
      <w:r>
        <w:rPr>
          <w:rFonts w:hint="eastAsia"/>
        </w:rPr>
        <w:t>Pull code</w:t>
      </w:r>
      <w:r>
        <w:rPr>
          <w:rFonts w:hint="eastAsia"/>
        </w:rPr>
        <w:t>：</w:t>
      </w:r>
    </w:p>
    <w:p w:rsidR="001D1B7C" w:rsidRDefault="00570501" w:rsidP="00570501">
      <w:r>
        <w:rPr>
          <w:rFonts w:hint="eastAsia"/>
        </w:rPr>
        <w:t>在本地文件夹下，右键</w:t>
      </w:r>
      <w:r>
        <w:rPr>
          <w:rFonts w:hint="eastAsia"/>
        </w:rPr>
        <w:t xml:space="preserve"> -&gt; Git Sync</w:t>
      </w:r>
      <w:r w:rsidR="00830F9A">
        <w:t xml:space="preserve"> </w:t>
      </w:r>
      <w:r w:rsidR="00830F9A">
        <w:rPr>
          <w:rFonts w:hint="eastAsia"/>
        </w:rPr>
        <w:t>打开</w:t>
      </w:r>
      <w:r w:rsidR="00830F9A">
        <w:rPr>
          <w:rFonts w:hint="eastAsia"/>
        </w:rPr>
        <w:t xml:space="preserve"> </w:t>
      </w:r>
      <w:r w:rsidR="00830F9A">
        <w:t>TortoiseGit</w:t>
      </w:r>
      <w:r w:rsidR="00830F9A">
        <w:t>，在</w:t>
      </w:r>
      <w:r w:rsidR="00830F9A"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Default="00830F9A" w:rsidP="00570501">
      <w:r>
        <w:rPr>
          <w:rFonts w:hint="eastAsia"/>
        </w:rPr>
        <w:t>点击</w:t>
      </w:r>
      <w:r>
        <w:t>“Pull”</w:t>
      </w:r>
      <w:r>
        <w:rPr>
          <w:rFonts w:hint="eastAsia"/>
        </w:rPr>
        <w:t>即可</w:t>
      </w:r>
    </w:p>
    <w:p w:rsidR="00830F9A" w:rsidRDefault="00830F9A" w:rsidP="00570501"/>
    <w:p w:rsidR="00830F9A" w:rsidRDefault="00830F9A" w:rsidP="00570501">
      <w:r>
        <w:rPr>
          <w:noProof/>
        </w:rPr>
        <w:lastRenderedPageBreak/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821145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9236C8" w:rsidRDefault="009236C8" w:rsidP="00570501">
      <w:r>
        <w:t>Hibernate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47F1"/>
    <w:rsid w:val="00016F3C"/>
    <w:rsid w:val="00085E3F"/>
    <w:rsid w:val="001A42FB"/>
    <w:rsid w:val="001D1B7C"/>
    <w:rsid w:val="001F703F"/>
    <w:rsid w:val="002962D4"/>
    <w:rsid w:val="002A5A08"/>
    <w:rsid w:val="004E26C7"/>
    <w:rsid w:val="004E5712"/>
    <w:rsid w:val="00570501"/>
    <w:rsid w:val="00605F22"/>
    <w:rsid w:val="0077112E"/>
    <w:rsid w:val="008059A4"/>
    <w:rsid w:val="00821145"/>
    <w:rsid w:val="00830F9A"/>
    <w:rsid w:val="009236C8"/>
    <w:rsid w:val="009459A6"/>
    <w:rsid w:val="00986B8E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  <w:rsid w:val="00F50CC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fontTable" Target="fontTable.xm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7</TotalTime>
  <Pages>7</Pages>
  <Words>422</Words>
  <Characters>2410</Characters>
  <Application>Microsoft Office Word</Application>
  <DocSecurity>0</DocSecurity>
  <Lines>20</Lines>
  <Paragraphs>5</Paragraphs>
  <ScaleCrop>false</ScaleCrop>
  <Company/>
  <LinksUpToDate>false</LinksUpToDate>
  <CharactersWithSpaces>282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iao, Henry</cp:lastModifiedBy>
  <cp:revision>29</cp:revision>
  <dcterms:created xsi:type="dcterms:W3CDTF">2015-12-02T12:31:00Z</dcterms:created>
  <dcterms:modified xsi:type="dcterms:W3CDTF">2015-12-03T07:58:00Z</dcterms:modified>
</cp:coreProperties>
</file>